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ilzerij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737AC0A7-DFD1-3E7E-2D81-87F5AC93C5B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2546" y="4560411"/>
            <a:ext cx="2780705" cy="209665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6C4EACCE-2430-D38D-8119-5DB9ABA6AA5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5798" y="3847786"/>
            <a:ext cx="1939269"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31T11:48:42Z</dcterms:modified>
</cp:coreProperties>
</file>